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 varScale="1">
        <p:scale>
          <a:sx n="71" d="100"/>
          <a:sy n="71" d="100"/>
        </p:scale>
        <p:origin x="1896" y="58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6/25/2025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9" name="Subtitle 12"/>
          <p:cNvSpPr txBox="1">
            <a:spLocks/>
          </p:cNvSpPr>
          <p:nvPr/>
        </p:nvSpPr>
        <p:spPr>
          <a:xfrm>
            <a:off x="795528" y="1311158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Email to management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73714" y="168699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426308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8016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28016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B76E11A5-B89E-628E-7DBF-9832ECDEB77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83629070"/>
              </p:ext>
            </p:extLst>
          </p:nvPr>
        </p:nvGraphicFramePr>
        <p:xfrm>
          <a:off x="5508313" y="5135897"/>
          <a:ext cx="4372825" cy="1374904"/>
        </p:xfrm>
        <a:graphic>
          <a:graphicData uri="http://schemas.openxmlformats.org/drawingml/2006/table">
            <a:tbl>
              <a:tblPr/>
              <a:tblGrid>
                <a:gridCol w="1630331">
                  <a:extLst>
                    <a:ext uri="{9D8B030D-6E8A-4147-A177-3AD203B41FA5}">
                      <a16:colId xmlns:a16="http://schemas.microsoft.com/office/drawing/2014/main" val="2792827006"/>
                    </a:ext>
                  </a:extLst>
                </a:gridCol>
                <a:gridCol w="815165">
                  <a:extLst>
                    <a:ext uri="{9D8B030D-6E8A-4147-A177-3AD203B41FA5}">
                      <a16:colId xmlns:a16="http://schemas.microsoft.com/office/drawing/2014/main" val="158953491"/>
                    </a:ext>
                  </a:extLst>
                </a:gridCol>
                <a:gridCol w="1153238">
                  <a:extLst>
                    <a:ext uri="{9D8B030D-6E8A-4147-A177-3AD203B41FA5}">
                      <a16:colId xmlns:a16="http://schemas.microsoft.com/office/drawing/2014/main" val="3341535171"/>
                    </a:ext>
                  </a:extLst>
                </a:gridCol>
                <a:gridCol w="774091">
                  <a:extLst>
                    <a:ext uri="{9D8B030D-6E8A-4147-A177-3AD203B41FA5}">
                      <a16:colId xmlns:a16="http://schemas.microsoft.com/office/drawing/2014/main" val="2066993417"/>
                    </a:ext>
                  </a:extLst>
                </a:gridCol>
              </a:tblGrid>
              <a:tr h="171863">
                <a:tc gridSpan="2">
                  <a:txBody>
                    <a:bodyPr/>
                    <a:lstStyle/>
                    <a:p>
                      <a:pPr algn="l" rtl="0" fontAlgn="b"/>
                      <a:r>
                        <a:rPr lang="en-GB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Value Based on 9.0% WACC &amp; 434 / 175c TGR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mount ($m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of NPV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13105693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resent Value of Cashflow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6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24.0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51429181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PV of Terminal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94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4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15426657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Firm NPV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18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0.0%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60597339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debt &amp; adjustment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85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IN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386716246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equity valu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IN" sz="10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33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CE6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18467778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mplied share price ($c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7 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3475591"/>
                  </a:ext>
                </a:extLst>
              </a:tr>
              <a:tr h="171863">
                <a:tc>
                  <a:txBody>
                    <a:bodyPr/>
                    <a:lstStyle/>
                    <a:p>
                      <a:pPr algn="l" fontAlgn="ctr"/>
                      <a:r>
                        <a:rPr lang="en-IN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% premium to current</a:t>
                      </a:r>
                    </a:p>
                  </a:txBody>
                  <a:tcPr marL="11430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fontAlgn="ctr"/>
                      <a:endParaRPr lang="en-IN" sz="10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IN" sz="800" b="0" i="1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29.0%)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endParaRPr lang="en-IN" sz="8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61438409"/>
                  </a:ext>
                </a:extLst>
              </a:tr>
            </a:tbl>
          </a:graphicData>
        </a:graphic>
      </p:graphicFrame>
      <p:sp>
        <p:nvSpPr>
          <p:cNvPr id="11" name="TextBox 10">
            <a:extLst>
              <a:ext uri="{FF2B5EF4-FFF2-40B4-BE49-F238E27FC236}">
                <a16:creationId xmlns:a16="http://schemas.microsoft.com/office/drawing/2014/main" id="{1A6A93D8-06BF-2846-56CA-750A3A9983AC}"/>
              </a:ext>
            </a:extLst>
          </p:cNvPr>
          <p:cNvSpPr txBox="1"/>
          <p:nvPr/>
        </p:nvSpPr>
        <p:spPr>
          <a:xfrm>
            <a:off x="795528" y="1686996"/>
            <a:ext cx="9107424" cy="2787623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To: Carlos 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From: Rohit Dhol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Subject: Final Offer Consideration – Fire Incident &amp; Competitive Bid Update</a:t>
            </a:r>
          </a:p>
          <a:p>
            <a:pPr>
              <a:lnSpc>
                <a:spcPct val="110000"/>
              </a:lnSpc>
            </a:pPr>
            <a:endParaRPr lang="en-GB" sz="1000" dirty="0">
              <a:solidFill>
                <a:schemeClr val="tx2"/>
              </a:solidFill>
            </a:endParaRP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1. FY21 Disruption (Fire Impact)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Revenue revised to $1,100mm (↓4–5%), gross margin steady at 50%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FY21E EBITDA likely around $300mm (vs. $315mm prior)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Management expects full recovery by FY22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2. Strategic View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Impact is temporary, core operations and distribution intact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No sign of lasting brand or financial damag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3. Competitive Pressur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Rumoured $650mm bid appears low; possibly misreported or for partial stak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WWB’s strategic fit and synergy potential still support ~$1.85bn value for 60% stake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Proceed with the final binding offer.</a:t>
            </a:r>
          </a:p>
          <a:p>
            <a:pPr>
              <a:lnSpc>
                <a:spcPct val="110000"/>
              </a:lnSpc>
            </a:pPr>
            <a:r>
              <a:rPr lang="en-GB" sz="1000" dirty="0">
                <a:solidFill>
                  <a:schemeClr val="tx2"/>
                </a:solidFill>
              </a:rPr>
              <a:t>Incorporate a small discount (2–3%) to reflect short-term risk but maintain strong conviction in long-term value.</a:t>
            </a:r>
            <a:endParaRPr lang="en-IN" sz="10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097</TotalTime>
  <Words>315</Words>
  <Application>Microsoft Office PowerPoint</Application>
  <PresentationFormat>Custom</PresentationFormat>
  <Paragraphs>67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Arial Narrow</vt:lpstr>
      <vt:lpstr>Calibri</vt:lpstr>
      <vt:lpstr>LF_Ka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rohitdhole1201@gmail.com</cp:lastModifiedBy>
  <cp:revision>879</cp:revision>
  <cp:lastPrinted>2020-01-28T09:55:08Z</cp:lastPrinted>
  <dcterms:created xsi:type="dcterms:W3CDTF">2015-06-19T14:55:37Z</dcterms:created>
  <dcterms:modified xsi:type="dcterms:W3CDTF">2025-06-25T07:51:47Z</dcterms:modified>
</cp:coreProperties>
</file>